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61" r:id="rId2"/>
    <p:sldId id="263" r:id="rId3"/>
    <p:sldId id="262" r:id="rId4"/>
    <p:sldId id="264" r:id="rId5"/>
    <p:sldId id="266" r:id="rId6"/>
    <p:sldId id="265" r:id="rId7"/>
    <p:sldId id="267" r:id="rId8"/>
    <p:sldId id="268" r:id="rId9"/>
    <p:sldId id="269" r:id="rId10"/>
    <p:sldId id="260" r:id="rId11"/>
  </p:sldIdLst>
  <p:sldSz cx="12188825" cy="6858000"/>
  <p:notesSz cx="6858000" cy="9144000"/>
  <p:embeddedFontLst>
    <p:embeddedFont>
      <p:font typeface="AU Passata" panose="020B0604020202020204" charset="0"/>
      <p:regular r:id="rId14"/>
      <p:bold r:id="rId15"/>
    </p:embeddedFont>
    <p:embeddedFont>
      <p:font typeface="AU Passata Light" panose="020B0604020202020204" charset="0"/>
      <p:regular r:id="rId16"/>
      <p:bold r:id="rId17"/>
    </p:embeddedFont>
    <p:embeddedFont>
      <p:font typeface="Georgia" panose="02040502050405020303" pitchFamily="18" charset="0"/>
      <p:regular r:id="rId18"/>
      <p:bold r:id="rId19"/>
      <p:italic r:id="rId20"/>
      <p:boldItalic r:id="rId2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376" autoAdjust="0"/>
    <p:restoredTop sz="93425" autoAdjust="0"/>
  </p:normalViewPr>
  <p:slideViewPr>
    <p:cSldViewPr snapToObjects="1" showGuides="1">
      <p:cViewPr varScale="1">
        <p:scale>
          <a:sx n="62" d="100"/>
          <a:sy n="62" d="100"/>
        </p:scale>
        <p:origin x="1354" y="274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font" Target="fonts/font5.fntdata"/><Relationship Id="rId3" Type="http://schemas.openxmlformats.org/officeDocument/2006/relationships/slide" Target="slides/slide2.xml"/><Relationship Id="rId21" Type="http://schemas.openxmlformats.org/officeDocument/2006/relationships/font" Target="fonts/font8.fntdata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4.fntdata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3.fntdata"/><Relationship Id="rId20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font" Target="fonts/font2.fntdata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6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1.fntdata"/><Relationship Id="rId22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15CD627-B854-AD48-9BD8-2D212693F2DB}" type="doc">
      <dgm:prSet loTypeId="urn:microsoft.com/office/officeart/2009/3/layout/StepUpProcess" loCatId="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21FE0084-C4F2-184A-AB22-AAA4E6DEA4EA}">
      <dgm:prSet phldrT="[Text]"/>
      <dgm:spPr/>
      <dgm:t>
        <a:bodyPr/>
        <a:lstStyle/>
        <a:p>
          <a:r>
            <a:rPr lang="da-DK" b="1" noProof="1"/>
            <a:t>Kommunen</a:t>
          </a:r>
        </a:p>
      </dgm:t>
    </dgm:pt>
    <dgm:pt modelId="{1F7A20E4-C1A1-8348-9B6B-446B1C7D66EC}" type="parTrans" cxnId="{E85709AC-C0DE-7F41-8CAA-91D29B891168}">
      <dgm:prSet/>
      <dgm:spPr/>
      <dgm:t>
        <a:bodyPr/>
        <a:lstStyle/>
        <a:p>
          <a:endParaRPr lang="en-GB"/>
        </a:p>
      </dgm:t>
    </dgm:pt>
    <dgm:pt modelId="{0CA03EE0-8418-9F43-8363-5B39E09FE7B4}" type="sibTrans" cxnId="{E85709AC-C0DE-7F41-8CAA-91D29B891168}">
      <dgm:prSet/>
      <dgm:spPr/>
      <dgm:t>
        <a:bodyPr/>
        <a:lstStyle/>
        <a:p>
          <a:endParaRPr lang="en-GB"/>
        </a:p>
      </dgm:t>
    </dgm:pt>
    <dgm:pt modelId="{221EDDA3-B9F0-3F4C-83D0-40496AB47095}">
      <dgm:prSet phldrT="[Text]"/>
      <dgm:spPr/>
      <dgm:t>
        <a:bodyPr/>
        <a:lstStyle/>
        <a:p>
          <a:r>
            <a:rPr lang="da-DK" b="1" noProof="1"/>
            <a:t>Børne- og ungeudvalget</a:t>
          </a:r>
        </a:p>
      </dgm:t>
    </dgm:pt>
    <dgm:pt modelId="{93093D52-2D70-374B-86B3-DBA13EC6E7A0}" type="parTrans" cxnId="{23D0D04F-26E9-DF44-B97D-F12703A95E5B}">
      <dgm:prSet/>
      <dgm:spPr/>
      <dgm:t>
        <a:bodyPr/>
        <a:lstStyle/>
        <a:p>
          <a:endParaRPr lang="en-GB"/>
        </a:p>
      </dgm:t>
    </dgm:pt>
    <dgm:pt modelId="{B416C060-EC48-3947-BDD3-28F91D4962E2}" type="sibTrans" cxnId="{23D0D04F-26E9-DF44-B97D-F12703A95E5B}">
      <dgm:prSet/>
      <dgm:spPr/>
      <dgm:t>
        <a:bodyPr/>
        <a:lstStyle/>
        <a:p>
          <a:endParaRPr lang="en-GB"/>
        </a:p>
      </dgm:t>
    </dgm:pt>
    <dgm:pt modelId="{994ED996-91EB-0C4C-9F8D-C912C332D7F5}">
      <dgm:prSet phldrT="[Text]"/>
      <dgm:spPr/>
      <dgm:t>
        <a:bodyPr/>
        <a:lstStyle/>
        <a:p>
          <a:r>
            <a:rPr lang="da-DK" b="1" noProof="1"/>
            <a:t>Ankestyrelsen</a:t>
          </a:r>
        </a:p>
      </dgm:t>
    </dgm:pt>
    <dgm:pt modelId="{B319DE82-A453-4F47-88D1-828304E2B615}" type="parTrans" cxnId="{C6AB1689-A30B-DA40-B72C-DD2FF337240B}">
      <dgm:prSet/>
      <dgm:spPr/>
      <dgm:t>
        <a:bodyPr/>
        <a:lstStyle/>
        <a:p>
          <a:endParaRPr lang="en-GB"/>
        </a:p>
      </dgm:t>
    </dgm:pt>
    <dgm:pt modelId="{EABB0A8E-4CA2-DF41-98F8-ED9A186462EF}" type="sibTrans" cxnId="{C6AB1689-A30B-DA40-B72C-DD2FF337240B}">
      <dgm:prSet/>
      <dgm:spPr/>
      <dgm:t>
        <a:bodyPr/>
        <a:lstStyle/>
        <a:p>
          <a:endParaRPr lang="en-GB"/>
        </a:p>
      </dgm:t>
    </dgm:pt>
    <dgm:pt modelId="{48B14530-2149-0F46-A9D5-EEEAC759E58A}">
      <dgm:prSet phldrT="[Text]"/>
      <dgm:spPr/>
      <dgm:t>
        <a:bodyPr/>
        <a:lstStyle/>
        <a:p>
          <a:r>
            <a:rPr lang="da-DK" b="1" noProof="1"/>
            <a:t>Byretten</a:t>
          </a:r>
        </a:p>
      </dgm:t>
    </dgm:pt>
    <dgm:pt modelId="{5490BD0E-9C66-144A-8E54-5E133B43FE9C}" type="parTrans" cxnId="{65E03493-4338-1E41-A19F-B6C810F635B7}">
      <dgm:prSet/>
      <dgm:spPr/>
      <dgm:t>
        <a:bodyPr/>
        <a:lstStyle/>
        <a:p>
          <a:endParaRPr lang="en-GB"/>
        </a:p>
      </dgm:t>
    </dgm:pt>
    <dgm:pt modelId="{076AE813-4EBB-944B-8D96-6BD9C8DA9BEA}" type="sibTrans" cxnId="{65E03493-4338-1E41-A19F-B6C810F635B7}">
      <dgm:prSet/>
      <dgm:spPr/>
      <dgm:t>
        <a:bodyPr/>
        <a:lstStyle/>
        <a:p>
          <a:endParaRPr lang="en-GB"/>
        </a:p>
      </dgm:t>
    </dgm:pt>
    <dgm:pt modelId="{D4D0CCF8-A4B5-CE45-AABD-CEE0844970C4}" type="pres">
      <dgm:prSet presAssocID="{215CD627-B854-AD48-9BD8-2D212693F2DB}" presName="rootnode" presStyleCnt="0">
        <dgm:presLayoutVars>
          <dgm:chMax/>
          <dgm:chPref/>
          <dgm:dir/>
          <dgm:animLvl val="lvl"/>
        </dgm:presLayoutVars>
      </dgm:prSet>
      <dgm:spPr/>
    </dgm:pt>
    <dgm:pt modelId="{D2A756AD-0941-024B-BF66-7FEB96F54B41}" type="pres">
      <dgm:prSet presAssocID="{21FE0084-C4F2-184A-AB22-AAA4E6DEA4EA}" presName="composite" presStyleCnt="0"/>
      <dgm:spPr/>
    </dgm:pt>
    <dgm:pt modelId="{DDA354F3-BE9D-884A-9FA8-137C4EA35D95}" type="pres">
      <dgm:prSet presAssocID="{21FE0084-C4F2-184A-AB22-AAA4E6DEA4EA}" presName="LShape" presStyleLbl="alignNode1" presStyleIdx="0" presStyleCnt="7"/>
      <dgm:spPr>
        <a:solidFill>
          <a:srgbClr val="7030A0"/>
        </a:solidFill>
        <a:ln>
          <a:solidFill>
            <a:srgbClr val="7030A0"/>
          </a:solidFill>
        </a:ln>
      </dgm:spPr>
    </dgm:pt>
    <dgm:pt modelId="{078C6A7E-B932-3748-96DD-0B0BD9459CF4}" type="pres">
      <dgm:prSet presAssocID="{21FE0084-C4F2-184A-AB22-AAA4E6DEA4EA}" presName="ParentText" presStyleLbl="revTx" presStyleIdx="0" presStyleCnt="4">
        <dgm:presLayoutVars>
          <dgm:chMax val="0"/>
          <dgm:chPref val="0"/>
          <dgm:bulletEnabled val="1"/>
        </dgm:presLayoutVars>
      </dgm:prSet>
      <dgm:spPr/>
    </dgm:pt>
    <dgm:pt modelId="{D4D630DA-C161-9947-BFA1-B541E67DE7AC}" type="pres">
      <dgm:prSet presAssocID="{21FE0084-C4F2-184A-AB22-AAA4E6DEA4EA}" presName="Triangle" presStyleLbl="alignNode1" presStyleIdx="1" presStyleCnt="7"/>
      <dgm:spPr>
        <a:solidFill>
          <a:srgbClr val="FFFFFF"/>
        </a:solidFill>
        <a:ln>
          <a:solidFill>
            <a:schemeClr val="bg1"/>
          </a:solidFill>
        </a:ln>
      </dgm:spPr>
    </dgm:pt>
    <dgm:pt modelId="{E499C2B1-BF8E-AB48-87B9-F833C0CB4BB8}" type="pres">
      <dgm:prSet presAssocID="{0CA03EE0-8418-9F43-8363-5B39E09FE7B4}" presName="sibTrans" presStyleCnt="0"/>
      <dgm:spPr/>
    </dgm:pt>
    <dgm:pt modelId="{D02E21DB-ECAD-9946-B97D-5A73F4858765}" type="pres">
      <dgm:prSet presAssocID="{0CA03EE0-8418-9F43-8363-5B39E09FE7B4}" presName="space" presStyleCnt="0"/>
      <dgm:spPr/>
    </dgm:pt>
    <dgm:pt modelId="{6AE614F6-B70C-FE4F-9E5B-46BD13CDFCC9}" type="pres">
      <dgm:prSet presAssocID="{221EDDA3-B9F0-3F4C-83D0-40496AB47095}" presName="composite" presStyleCnt="0"/>
      <dgm:spPr/>
    </dgm:pt>
    <dgm:pt modelId="{2FECD7B2-5B1F-E24D-A44A-3112A6DCF0D4}" type="pres">
      <dgm:prSet presAssocID="{221EDDA3-B9F0-3F4C-83D0-40496AB47095}" presName="LShape" presStyleLbl="alignNode1" presStyleIdx="2" presStyleCnt="7"/>
      <dgm:spPr>
        <a:solidFill>
          <a:srgbClr val="7030A0"/>
        </a:solidFill>
        <a:ln>
          <a:solidFill>
            <a:srgbClr val="7030A0"/>
          </a:solidFill>
        </a:ln>
      </dgm:spPr>
    </dgm:pt>
    <dgm:pt modelId="{4A1E580B-6E13-6B4C-9A2E-F7C8A0EDD252}" type="pres">
      <dgm:prSet presAssocID="{221EDDA3-B9F0-3F4C-83D0-40496AB47095}" presName="ParentText" presStyleLbl="revTx" presStyleIdx="1" presStyleCnt="4">
        <dgm:presLayoutVars>
          <dgm:chMax val="0"/>
          <dgm:chPref val="0"/>
          <dgm:bulletEnabled val="1"/>
        </dgm:presLayoutVars>
      </dgm:prSet>
      <dgm:spPr/>
    </dgm:pt>
    <dgm:pt modelId="{CD093B04-788F-ED45-8ACA-46B9096145B2}" type="pres">
      <dgm:prSet presAssocID="{221EDDA3-B9F0-3F4C-83D0-40496AB47095}" presName="Triangle" presStyleLbl="alignNode1" presStyleIdx="3" presStyleCnt="7"/>
      <dgm:spPr>
        <a:solidFill>
          <a:srgbClr val="FFFFFF"/>
        </a:solidFill>
        <a:ln>
          <a:solidFill>
            <a:schemeClr val="bg1"/>
          </a:solidFill>
        </a:ln>
      </dgm:spPr>
    </dgm:pt>
    <dgm:pt modelId="{9AB6CA1D-EBBB-4C47-BA8A-403753947E32}" type="pres">
      <dgm:prSet presAssocID="{B416C060-EC48-3947-BDD3-28F91D4962E2}" presName="sibTrans" presStyleCnt="0"/>
      <dgm:spPr/>
    </dgm:pt>
    <dgm:pt modelId="{25BDC89E-4C20-6D4A-BA49-7E4D6A9290C7}" type="pres">
      <dgm:prSet presAssocID="{B416C060-EC48-3947-BDD3-28F91D4962E2}" presName="space" presStyleCnt="0"/>
      <dgm:spPr/>
    </dgm:pt>
    <dgm:pt modelId="{F7580F63-34F2-2747-B8E1-8276DFDA16BC}" type="pres">
      <dgm:prSet presAssocID="{994ED996-91EB-0C4C-9F8D-C912C332D7F5}" presName="composite" presStyleCnt="0"/>
      <dgm:spPr/>
    </dgm:pt>
    <dgm:pt modelId="{050E9139-FF5A-C54B-86D6-A11918C5B414}" type="pres">
      <dgm:prSet presAssocID="{994ED996-91EB-0C4C-9F8D-C912C332D7F5}" presName="LShape" presStyleLbl="alignNode1" presStyleIdx="4" presStyleCnt="7"/>
      <dgm:spPr>
        <a:solidFill>
          <a:srgbClr val="7030A0"/>
        </a:solidFill>
        <a:ln>
          <a:solidFill>
            <a:srgbClr val="7030A0"/>
          </a:solidFill>
        </a:ln>
      </dgm:spPr>
    </dgm:pt>
    <dgm:pt modelId="{D35BE3BA-C4FD-8946-AE25-FCCA4EDE955C}" type="pres">
      <dgm:prSet presAssocID="{994ED996-91EB-0C4C-9F8D-C912C332D7F5}" presName="ParentText" presStyleLbl="revTx" presStyleIdx="2" presStyleCnt="4">
        <dgm:presLayoutVars>
          <dgm:chMax val="0"/>
          <dgm:chPref val="0"/>
          <dgm:bulletEnabled val="1"/>
        </dgm:presLayoutVars>
      </dgm:prSet>
      <dgm:spPr/>
    </dgm:pt>
    <dgm:pt modelId="{B2D39B56-5459-1F4D-88F2-DF989942F721}" type="pres">
      <dgm:prSet presAssocID="{994ED996-91EB-0C4C-9F8D-C912C332D7F5}" presName="Triangle" presStyleLbl="alignNode1" presStyleIdx="5" presStyleCnt="7"/>
      <dgm:spPr>
        <a:solidFill>
          <a:srgbClr val="FFFFFF"/>
        </a:solidFill>
        <a:ln>
          <a:solidFill>
            <a:schemeClr val="bg1"/>
          </a:solidFill>
        </a:ln>
      </dgm:spPr>
    </dgm:pt>
    <dgm:pt modelId="{70F6479B-E1C0-4147-88BE-64C8BEBB3F50}" type="pres">
      <dgm:prSet presAssocID="{EABB0A8E-4CA2-DF41-98F8-ED9A186462EF}" presName="sibTrans" presStyleCnt="0"/>
      <dgm:spPr/>
    </dgm:pt>
    <dgm:pt modelId="{911A49A6-E1FD-C247-BB26-C50865F35A90}" type="pres">
      <dgm:prSet presAssocID="{EABB0A8E-4CA2-DF41-98F8-ED9A186462EF}" presName="space" presStyleCnt="0"/>
      <dgm:spPr/>
    </dgm:pt>
    <dgm:pt modelId="{AEF31BFE-DE91-B24F-83A2-77AACB16C436}" type="pres">
      <dgm:prSet presAssocID="{48B14530-2149-0F46-A9D5-EEEAC759E58A}" presName="composite" presStyleCnt="0"/>
      <dgm:spPr/>
    </dgm:pt>
    <dgm:pt modelId="{D32D2D73-F6CA-664C-95DA-388CC5080CEB}" type="pres">
      <dgm:prSet presAssocID="{48B14530-2149-0F46-A9D5-EEEAC759E58A}" presName="LShape" presStyleLbl="alignNode1" presStyleIdx="6" presStyleCnt="7"/>
      <dgm:spPr>
        <a:solidFill>
          <a:srgbClr val="7030A0"/>
        </a:solidFill>
        <a:ln>
          <a:solidFill>
            <a:srgbClr val="7030A0"/>
          </a:solidFill>
        </a:ln>
      </dgm:spPr>
    </dgm:pt>
    <dgm:pt modelId="{A417A614-EA47-FB42-9B6B-81ED0A0E8BA4}" type="pres">
      <dgm:prSet presAssocID="{48B14530-2149-0F46-A9D5-EEEAC759E58A}" presName="ParentText" presStyleLbl="revTx" presStyleIdx="3" presStyleCnt="4">
        <dgm:presLayoutVars>
          <dgm:chMax val="0"/>
          <dgm:chPref val="0"/>
          <dgm:bulletEnabled val="1"/>
        </dgm:presLayoutVars>
      </dgm:prSet>
      <dgm:spPr/>
    </dgm:pt>
  </dgm:ptLst>
  <dgm:cxnLst>
    <dgm:cxn modelId="{26688A28-A30D-F147-B348-A7AF20B6764D}" type="presOf" srcId="{215CD627-B854-AD48-9BD8-2D212693F2DB}" destId="{D4D0CCF8-A4B5-CE45-AABD-CEE0844970C4}" srcOrd="0" destOrd="0" presId="urn:microsoft.com/office/officeart/2009/3/layout/StepUpProcess"/>
    <dgm:cxn modelId="{FEF43B44-3AC7-8849-A950-62B095DBEF6C}" type="presOf" srcId="{48B14530-2149-0F46-A9D5-EEEAC759E58A}" destId="{A417A614-EA47-FB42-9B6B-81ED0A0E8BA4}" srcOrd="0" destOrd="0" presId="urn:microsoft.com/office/officeart/2009/3/layout/StepUpProcess"/>
    <dgm:cxn modelId="{1471E84C-B154-1F45-8879-2F05CB8A3754}" type="presOf" srcId="{21FE0084-C4F2-184A-AB22-AAA4E6DEA4EA}" destId="{078C6A7E-B932-3748-96DD-0B0BD9459CF4}" srcOrd="0" destOrd="0" presId="urn:microsoft.com/office/officeart/2009/3/layout/StepUpProcess"/>
    <dgm:cxn modelId="{23D0D04F-26E9-DF44-B97D-F12703A95E5B}" srcId="{215CD627-B854-AD48-9BD8-2D212693F2DB}" destId="{221EDDA3-B9F0-3F4C-83D0-40496AB47095}" srcOrd="1" destOrd="0" parTransId="{93093D52-2D70-374B-86B3-DBA13EC6E7A0}" sibTransId="{B416C060-EC48-3947-BDD3-28F91D4962E2}"/>
    <dgm:cxn modelId="{C6AB1689-A30B-DA40-B72C-DD2FF337240B}" srcId="{215CD627-B854-AD48-9BD8-2D212693F2DB}" destId="{994ED996-91EB-0C4C-9F8D-C912C332D7F5}" srcOrd="2" destOrd="0" parTransId="{B319DE82-A453-4F47-88D1-828304E2B615}" sibTransId="{EABB0A8E-4CA2-DF41-98F8-ED9A186462EF}"/>
    <dgm:cxn modelId="{65E03493-4338-1E41-A19F-B6C810F635B7}" srcId="{215CD627-B854-AD48-9BD8-2D212693F2DB}" destId="{48B14530-2149-0F46-A9D5-EEEAC759E58A}" srcOrd="3" destOrd="0" parTransId="{5490BD0E-9C66-144A-8E54-5E133B43FE9C}" sibTransId="{076AE813-4EBB-944B-8D96-6BD9C8DA9BEA}"/>
    <dgm:cxn modelId="{E85709AC-C0DE-7F41-8CAA-91D29B891168}" srcId="{215CD627-B854-AD48-9BD8-2D212693F2DB}" destId="{21FE0084-C4F2-184A-AB22-AAA4E6DEA4EA}" srcOrd="0" destOrd="0" parTransId="{1F7A20E4-C1A1-8348-9B6B-446B1C7D66EC}" sibTransId="{0CA03EE0-8418-9F43-8363-5B39E09FE7B4}"/>
    <dgm:cxn modelId="{F03989B2-FF30-284A-888C-9B575916641B}" type="presOf" srcId="{994ED996-91EB-0C4C-9F8D-C912C332D7F5}" destId="{D35BE3BA-C4FD-8946-AE25-FCCA4EDE955C}" srcOrd="0" destOrd="0" presId="urn:microsoft.com/office/officeart/2009/3/layout/StepUpProcess"/>
    <dgm:cxn modelId="{AE6F0EB9-94E9-9D4E-90C7-0DFACCD9C9E8}" type="presOf" srcId="{221EDDA3-B9F0-3F4C-83D0-40496AB47095}" destId="{4A1E580B-6E13-6B4C-9A2E-F7C8A0EDD252}" srcOrd="0" destOrd="0" presId="urn:microsoft.com/office/officeart/2009/3/layout/StepUpProcess"/>
    <dgm:cxn modelId="{E1C69260-44FA-7741-A192-57F1FF29D909}" type="presParOf" srcId="{D4D0CCF8-A4B5-CE45-AABD-CEE0844970C4}" destId="{D2A756AD-0941-024B-BF66-7FEB96F54B41}" srcOrd="0" destOrd="0" presId="urn:microsoft.com/office/officeart/2009/3/layout/StepUpProcess"/>
    <dgm:cxn modelId="{01BA4381-1D0B-5345-B689-087CCF8EE835}" type="presParOf" srcId="{D2A756AD-0941-024B-BF66-7FEB96F54B41}" destId="{DDA354F3-BE9D-884A-9FA8-137C4EA35D95}" srcOrd="0" destOrd="0" presId="urn:microsoft.com/office/officeart/2009/3/layout/StepUpProcess"/>
    <dgm:cxn modelId="{3916A916-04A5-8743-8FA3-541B41B11A60}" type="presParOf" srcId="{D2A756AD-0941-024B-BF66-7FEB96F54B41}" destId="{078C6A7E-B932-3748-96DD-0B0BD9459CF4}" srcOrd="1" destOrd="0" presId="urn:microsoft.com/office/officeart/2009/3/layout/StepUpProcess"/>
    <dgm:cxn modelId="{5EC118C8-C906-404E-95DB-39EDA085D4C2}" type="presParOf" srcId="{D2A756AD-0941-024B-BF66-7FEB96F54B41}" destId="{D4D630DA-C161-9947-BFA1-B541E67DE7AC}" srcOrd="2" destOrd="0" presId="urn:microsoft.com/office/officeart/2009/3/layout/StepUpProcess"/>
    <dgm:cxn modelId="{A1F5A5E8-6F96-DE47-B0F6-9F43318596E6}" type="presParOf" srcId="{D4D0CCF8-A4B5-CE45-AABD-CEE0844970C4}" destId="{E499C2B1-BF8E-AB48-87B9-F833C0CB4BB8}" srcOrd="1" destOrd="0" presId="urn:microsoft.com/office/officeart/2009/3/layout/StepUpProcess"/>
    <dgm:cxn modelId="{48E1F493-08C8-7245-A0C1-597DFDA7D57F}" type="presParOf" srcId="{E499C2B1-BF8E-AB48-87B9-F833C0CB4BB8}" destId="{D02E21DB-ECAD-9946-B97D-5A73F4858765}" srcOrd="0" destOrd="0" presId="urn:microsoft.com/office/officeart/2009/3/layout/StepUpProcess"/>
    <dgm:cxn modelId="{0743E25A-DC68-1943-A306-723E6E2C90FC}" type="presParOf" srcId="{D4D0CCF8-A4B5-CE45-AABD-CEE0844970C4}" destId="{6AE614F6-B70C-FE4F-9E5B-46BD13CDFCC9}" srcOrd="2" destOrd="0" presId="urn:microsoft.com/office/officeart/2009/3/layout/StepUpProcess"/>
    <dgm:cxn modelId="{7C89E4BD-728C-EB44-9A0E-3E551438C227}" type="presParOf" srcId="{6AE614F6-B70C-FE4F-9E5B-46BD13CDFCC9}" destId="{2FECD7B2-5B1F-E24D-A44A-3112A6DCF0D4}" srcOrd="0" destOrd="0" presId="urn:microsoft.com/office/officeart/2009/3/layout/StepUpProcess"/>
    <dgm:cxn modelId="{EBA89CEB-22EF-A54E-9CEB-CAC1B14699F2}" type="presParOf" srcId="{6AE614F6-B70C-FE4F-9E5B-46BD13CDFCC9}" destId="{4A1E580B-6E13-6B4C-9A2E-F7C8A0EDD252}" srcOrd="1" destOrd="0" presId="urn:microsoft.com/office/officeart/2009/3/layout/StepUpProcess"/>
    <dgm:cxn modelId="{E6834FC8-BDFC-A44E-89A0-56AF450EF411}" type="presParOf" srcId="{6AE614F6-B70C-FE4F-9E5B-46BD13CDFCC9}" destId="{CD093B04-788F-ED45-8ACA-46B9096145B2}" srcOrd="2" destOrd="0" presId="urn:microsoft.com/office/officeart/2009/3/layout/StepUpProcess"/>
    <dgm:cxn modelId="{41996CBF-1C8C-0947-8898-B0CE27F39B7C}" type="presParOf" srcId="{D4D0CCF8-A4B5-CE45-AABD-CEE0844970C4}" destId="{9AB6CA1D-EBBB-4C47-BA8A-403753947E32}" srcOrd="3" destOrd="0" presId="urn:microsoft.com/office/officeart/2009/3/layout/StepUpProcess"/>
    <dgm:cxn modelId="{B6B949AC-8562-3C49-BEB1-1C6D288FB600}" type="presParOf" srcId="{9AB6CA1D-EBBB-4C47-BA8A-403753947E32}" destId="{25BDC89E-4C20-6D4A-BA49-7E4D6A9290C7}" srcOrd="0" destOrd="0" presId="urn:microsoft.com/office/officeart/2009/3/layout/StepUpProcess"/>
    <dgm:cxn modelId="{95B6ADD3-8B37-7B40-AD25-D3E996B5DD3A}" type="presParOf" srcId="{D4D0CCF8-A4B5-CE45-AABD-CEE0844970C4}" destId="{F7580F63-34F2-2747-B8E1-8276DFDA16BC}" srcOrd="4" destOrd="0" presId="urn:microsoft.com/office/officeart/2009/3/layout/StepUpProcess"/>
    <dgm:cxn modelId="{0FF6BB4B-6882-BB49-96BA-0ACFABFFD0EB}" type="presParOf" srcId="{F7580F63-34F2-2747-B8E1-8276DFDA16BC}" destId="{050E9139-FF5A-C54B-86D6-A11918C5B414}" srcOrd="0" destOrd="0" presId="urn:microsoft.com/office/officeart/2009/3/layout/StepUpProcess"/>
    <dgm:cxn modelId="{286C18E1-BB97-A54B-8BD4-A5F06669CCE4}" type="presParOf" srcId="{F7580F63-34F2-2747-B8E1-8276DFDA16BC}" destId="{D35BE3BA-C4FD-8946-AE25-FCCA4EDE955C}" srcOrd="1" destOrd="0" presId="urn:microsoft.com/office/officeart/2009/3/layout/StepUpProcess"/>
    <dgm:cxn modelId="{A618E762-72A9-D446-9D70-D2B4BA7B16AC}" type="presParOf" srcId="{F7580F63-34F2-2747-B8E1-8276DFDA16BC}" destId="{B2D39B56-5459-1F4D-88F2-DF989942F721}" srcOrd="2" destOrd="0" presId="urn:microsoft.com/office/officeart/2009/3/layout/StepUpProcess"/>
    <dgm:cxn modelId="{FA78692E-D51B-B743-B526-9B6B733A34DF}" type="presParOf" srcId="{D4D0CCF8-A4B5-CE45-AABD-CEE0844970C4}" destId="{70F6479B-E1C0-4147-88BE-64C8BEBB3F50}" srcOrd="5" destOrd="0" presId="urn:microsoft.com/office/officeart/2009/3/layout/StepUpProcess"/>
    <dgm:cxn modelId="{F40DB5A5-A61D-C845-BEB1-3F0A226F86C0}" type="presParOf" srcId="{70F6479B-E1C0-4147-88BE-64C8BEBB3F50}" destId="{911A49A6-E1FD-C247-BB26-C50865F35A90}" srcOrd="0" destOrd="0" presId="urn:microsoft.com/office/officeart/2009/3/layout/StepUpProcess"/>
    <dgm:cxn modelId="{E44132F1-BB17-E148-B422-01070153E5DB}" type="presParOf" srcId="{D4D0CCF8-A4B5-CE45-AABD-CEE0844970C4}" destId="{AEF31BFE-DE91-B24F-83A2-77AACB16C436}" srcOrd="6" destOrd="0" presId="urn:microsoft.com/office/officeart/2009/3/layout/StepUpProcess"/>
    <dgm:cxn modelId="{298FDA1E-59F1-4341-BA4F-724F02FB9BF2}" type="presParOf" srcId="{AEF31BFE-DE91-B24F-83A2-77AACB16C436}" destId="{D32D2D73-F6CA-664C-95DA-388CC5080CEB}" srcOrd="0" destOrd="0" presId="urn:microsoft.com/office/officeart/2009/3/layout/StepUpProcess"/>
    <dgm:cxn modelId="{82F2157C-D6DC-4B4D-A59E-14E893F62A90}" type="presParOf" srcId="{AEF31BFE-DE91-B24F-83A2-77AACB16C436}" destId="{A417A614-EA47-FB42-9B6B-81ED0A0E8BA4}" srcOrd="1" destOrd="0" presId="urn:microsoft.com/office/officeart/2009/3/layout/StepUp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DA354F3-BE9D-884A-9FA8-137C4EA35D95}">
      <dsp:nvSpPr>
        <dsp:cNvPr id="0" name=""/>
        <dsp:cNvSpPr/>
      </dsp:nvSpPr>
      <dsp:spPr>
        <a:xfrm rot="5400000">
          <a:off x="375586" y="2267111"/>
          <a:ext cx="1131008" cy="1881973"/>
        </a:xfrm>
        <a:prstGeom prst="corner">
          <a:avLst>
            <a:gd name="adj1" fmla="val 16120"/>
            <a:gd name="adj2" fmla="val 16110"/>
          </a:avLst>
        </a:prstGeom>
        <a:solidFill>
          <a:srgbClr val="7030A0"/>
        </a:solidFill>
        <a:ln w="25400" cap="flat" cmpd="sng" algn="ctr">
          <a:solidFill>
            <a:srgbClr val="7030A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78C6A7E-B932-3748-96DD-0B0BD9459CF4}">
      <dsp:nvSpPr>
        <dsp:cNvPr id="0" name=""/>
        <dsp:cNvSpPr/>
      </dsp:nvSpPr>
      <dsp:spPr>
        <a:xfrm>
          <a:off x="186793" y="2829416"/>
          <a:ext cx="1699055" cy="148932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b="1" kern="1200" noProof="1"/>
            <a:t>Kommunen</a:t>
          </a:r>
        </a:p>
      </dsp:txBody>
      <dsp:txXfrm>
        <a:off x="186793" y="2829416"/>
        <a:ext cx="1699055" cy="1489322"/>
      </dsp:txXfrm>
    </dsp:sp>
    <dsp:sp modelId="{D4D630DA-C161-9947-BFA1-B541E67DE7AC}">
      <dsp:nvSpPr>
        <dsp:cNvPr id="0" name=""/>
        <dsp:cNvSpPr/>
      </dsp:nvSpPr>
      <dsp:spPr>
        <a:xfrm>
          <a:off x="1565272" y="2128558"/>
          <a:ext cx="320576" cy="320576"/>
        </a:xfrm>
        <a:prstGeom prst="triangle">
          <a:avLst>
            <a:gd name="adj" fmla="val 100000"/>
          </a:avLst>
        </a:prstGeom>
        <a:solidFill>
          <a:srgbClr val="FFFFFF"/>
        </a:solid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FECD7B2-5B1F-E24D-A44A-3112A6DCF0D4}">
      <dsp:nvSpPr>
        <dsp:cNvPr id="0" name=""/>
        <dsp:cNvSpPr/>
      </dsp:nvSpPr>
      <dsp:spPr>
        <a:xfrm rot="5400000">
          <a:off x="2455563" y="1752419"/>
          <a:ext cx="1131008" cy="1881973"/>
        </a:xfrm>
        <a:prstGeom prst="corner">
          <a:avLst>
            <a:gd name="adj1" fmla="val 16120"/>
            <a:gd name="adj2" fmla="val 16110"/>
          </a:avLst>
        </a:prstGeom>
        <a:solidFill>
          <a:srgbClr val="7030A0"/>
        </a:solidFill>
        <a:ln w="25400" cap="flat" cmpd="sng" algn="ctr">
          <a:solidFill>
            <a:srgbClr val="7030A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A1E580B-6E13-6B4C-9A2E-F7C8A0EDD252}">
      <dsp:nvSpPr>
        <dsp:cNvPr id="0" name=""/>
        <dsp:cNvSpPr/>
      </dsp:nvSpPr>
      <dsp:spPr>
        <a:xfrm>
          <a:off x="2266769" y="2314724"/>
          <a:ext cx="1699055" cy="148932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b="1" kern="1200" noProof="1"/>
            <a:t>Børne- og ungeudvalget</a:t>
          </a:r>
        </a:p>
      </dsp:txBody>
      <dsp:txXfrm>
        <a:off x="2266769" y="2314724"/>
        <a:ext cx="1699055" cy="1489322"/>
      </dsp:txXfrm>
    </dsp:sp>
    <dsp:sp modelId="{CD093B04-788F-ED45-8ACA-46B9096145B2}">
      <dsp:nvSpPr>
        <dsp:cNvPr id="0" name=""/>
        <dsp:cNvSpPr/>
      </dsp:nvSpPr>
      <dsp:spPr>
        <a:xfrm>
          <a:off x="3645249" y="1613866"/>
          <a:ext cx="320576" cy="320576"/>
        </a:xfrm>
        <a:prstGeom prst="triangle">
          <a:avLst>
            <a:gd name="adj" fmla="val 100000"/>
          </a:avLst>
        </a:prstGeom>
        <a:solidFill>
          <a:srgbClr val="FFFFFF"/>
        </a:solid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50E9139-FF5A-C54B-86D6-A11918C5B414}">
      <dsp:nvSpPr>
        <dsp:cNvPr id="0" name=""/>
        <dsp:cNvSpPr/>
      </dsp:nvSpPr>
      <dsp:spPr>
        <a:xfrm rot="5400000">
          <a:off x="4535539" y="1237727"/>
          <a:ext cx="1131008" cy="1881973"/>
        </a:xfrm>
        <a:prstGeom prst="corner">
          <a:avLst>
            <a:gd name="adj1" fmla="val 16120"/>
            <a:gd name="adj2" fmla="val 16110"/>
          </a:avLst>
        </a:prstGeom>
        <a:solidFill>
          <a:srgbClr val="7030A0"/>
        </a:solidFill>
        <a:ln w="25400" cap="flat" cmpd="sng" algn="ctr">
          <a:solidFill>
            <a:srgbClr val="7030A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35BE3BA-C4FD-8946-AE25-FCCA4EDE955C}">
      <dsp:nvSpPr>
        <dsp:cNvPr id="0" name=""/>
        <dsp:cNvSpPr/>
      </dsp:nvSpPr>
      <dsp:spPr>
        <a:xfrm>
          <a:off x="4346746" y="1800031"/>
          <a:ext cx="1699055" cy="148932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b="1" kern="1200" noProof="1"/>
            <a:t>Ankestyrelsen</a:t>
          </a:r>
        </a:p>
      </dsp:txBody>
      <dsp:txXfrm>
        <a:off x="4346746" y="1800031"/>
        <a:ext cx="1699055" cy="1489322"/>
      </dsp:txXfrm>
    </dsp:sp>
    <dsp:sp modelId="{B2D39B56-5459-1F4D-88F2-DF989942F721}">
      <dsp:nvSpPr>
        <dsp:cNvPr id="0" name=""/>
        <dsp:cNvSpPr/>
      </dsp:nvSpPr>
      <dsp:spPr>
        <a:xfrm>
          <a:off x="5725225" y="1099174"/>
          <a:ext cx="320576" cy="320576"/>
        </a:xfrm>
        <a:prstGeom prst="triangle">
          <a:avLst>
            <a:gd name="adj" fmla="val 100000"/>
          </a:avLst>
        </a:prstGeom>
        <a:solidFill>
          <a:srgbClr val="FFFFFF"/>
        </a:solidFill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32D2D73-F6CA-664C-95DA-388CC5080CEB}">
      <dsp:nvSpPr>
        <dsp:cNvPr id="0" name=""/>
        <dsp:cNvSpPr/>
      </dsp:nvSpPr>
      <dsp:spPr>
        <a:xfrm rot="5400000">
          <a:off x="6615515" y="723035"/>
          <a:ext cx="1131008" cy="1881973"/>
        </a:xfrm>
        <a:prstGeom prst="corner">
          <a:avLst>
            <a:gd name="adj1" fmla="val 16120"/>
            <a:gd name="adj2" fmla="val 16110"/>
          </a:avLst>
        </a:prstGeom>
        <a:solidFill>
          <a:srgbClr val="7030A0"/>
        </a:solidFill>
        <a:ln w="25400" cap="flat" cmpd="sng" algn="ctr">
          <a:solidFill>
            <a:srgbClr val="7030A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417A614-EA47-FB42-9B6B-81ED0A0E8BA4}">
      <dsp:nvSpPr>
        <dsp:cNvPr id="0" name=""/>
        <dsp:cNvSpPr/>
      </dsp:nvSpPr>
      <dsp:spPr>
        <a:xfrm>
          <a:off x="6426722" y="1285339"/>
          <a:ext cx="1699055" cy="148932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b="1" kern="1200" noProof="1"/>
            <a:t>Byretten</a:t>
          </a:r>
        </a:p>
      </dsp:txBody>
      <dsp:txXfrm>
        <a:off x="6426722" y="1285339"/>
        <a:ext cx="1699055" cy="148932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9/3/layout/StepUpProcess">
  <dgm:title val=""/>
  <dgm:desc val=""/>
  <dgm:catLst>
    <dgm:cat type="process" pri="13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rootnode">
    <dgm:varLst>
      <dgm:chMax/>
      <dgm:chPref/>
      <dgm:dir/>
      <dgm:animLvl val="lvl"/>
    </dgm:varLst>
    <dgm:choose name="Name0">
      <dgm:if name="Name1" func="var" arg="dir" op="equ" val="norm">
        <dgm:alg type="snake">
          <dgm:param type="grDir" val="bL"/>
          <dgm:param type="flowDir" val="row"/>
          <dgm:param type="off" val="off"/>
          <dgm:param type="bkpt" val="fixed"/>
          <dgm:param type="bkPtFixedVal" val="1"/>
        </dgm:alg>
      </dgm:if>
      <dgm:else name="Name2">
        <dgm:alg type="snake">
          <dgm:param type="grDir" val="bR"/>
          <dgm:param type="flowDir" val="row"/>
          <dgm:param type="off" val="off"/>
          <dgm:param type="bkpt" val="fixed"/>
          <dgm:param type="bkPtFixedVal" val="1"/>
        </dgm:alg>
      </dgm:else>
    </dgm:choose>
    <dgm:shape xmlns:r="http://schemas.openxmlformats.org/officeDocument/2006/relationships" r:blip="">
      <dgm:adjLst/>
    </dgm:shape>
    <dgm:constrLst>
      <dgm:constr type="alignOff" forName="rootnode" val="1"/>
      <dgm:constr type="primFontSz" for="des" ptType="node" op="equ" val="65"/>
      <dgm:constr type="w" for="ch" forName="composite" refType="w"/>
      <dgm:constr type="h" for="ch" forName="composite" refType="h"/>
      <dgm:constr type="sp" refType="h" refFor="ch" refForName="composite" op="equ" fact="-0.765"/>
      <dgm:constr type="w" for="ch" forName="sibTrans" refType="w" fact="0.103"/>
      <dgm:constr type="h" for="ch" forName="sibTrans" refType="h" fact="0.103"/>
    </dgm:constrLst>
    <dgm:forEach name="nodesForEach" axis="ch" ptType="node">
      <dgm:layoutNode name="composite">
        <dgm:alg type="composite">
          <dgm:param type="ar" val="0.861"/>
        </dgm:alg>
        <dgm:shape xmlns:r="http://schemas.openxmlformats.org/officeDocument/2006/relationships" r:blip="">
          <dgm:adjLst/>
        </dgm:shape>
        <dgm:choose name="Name3">
          <dgm:if name="Name4" func="var" arg="dir" op="equ" val="norm">
            <dgm:constrLst>
              <dgm:constr type="l" for="ch" forName="LShape" refType="w" fact="0"/>
              <dgm:constr type="t" for="ch" forName="LShape" refType="h" fact="0.2347"/>
              <dgm:constr type="w" for="ch" forName="LShape" refType="w" fact="0.998"/>
              <dgm:constr type="h" for="ch" forName="LShape" refType="h" fact="0.5164"/>
              <dgm:constr type="r" for="ch" forName="ParentText" refType="w"/>
              <dgm:constr type="t" for="ch" forName="ParentText" refType="h" fact="0.32"/>
              <dgm:constr type="w" for="ch" forName="ParentText" refType="w" fact="0.901"/>
              <dgm:constr type="h" for="ch" forName="ParentText" refType="h" fact="0.68"/>
              <dgm:constr type="l" for="ch" forName="Triangle" refType="w" fact="0.83"/>
              <dgm:constr type="t" for="ch" forName="Triangle" refType="h" fact="0"/>
              <dgm:constr type="w" for="ch" forName="Triangle" refType="w" fact="0.17"/>
              <dgm:constr type="h" for="ch" forName="Triangle" refType="w" refFor="ch" refForName="Triangle"/>
            </dgm:constrLst>
          </dgm:if>
          <dgm:else name="Name5">
            <dgm:constrLst>
              <dgm:constr type="l" for="ch" forName="LShape" refType="w" fact="0.002"/>
              <dgm:constr type="t" for="ch" forName="LShape" refType="h" fact="0.2347"/>
              <dgm:constr type="w" for="ch" forName="LShape" refType="w"/>
              <dgm:constr type="h" for="ch" forName="LShape" refType="h" fact="0.5164"/>
              <dgm:constr type="l" for="ch" forName="ParentText" refType="w" fact="0"/>
              <dgm:constr type="t" for="ch" forName="ParentText" refType="h" fact="0.32"/>
              <dgm:constr type="w" for="ch" forName="ParentText" refType="w" fact="0.902"/>
              <dgm:constr type="h" for="ch" forName="ParentText" refType="h" fact="0.68"/>
              <dgm:constr type="l" for="ch" forName="Triangle" refType="w" fact="0"/>
              <dgm:constr type="t" for="ch" forName="Triangle" refType="h" fact="0"/>
              <dgm:constr type="w" for="ch" forName="Triangle" refType="w" fact="0.17"/>
              <dgm:constr type="h" for="ch" forName="Triangle" refType="w" refFor="ch" refForName="Triangle"/>
            </dgm:constrLst>
          </dgm:else>
        </dgm:choose>
        <dgm:layoutNode name="LShape" styleLbl="alignNode1">
          <dgm:alg type="sp"/>
          <dgm:choose name="Name6">
            <dgm:if name="Name7" func="var" arg="dir" op="equ" val="norm">
              <dgm:shape xmlns:r="http://schemas.openxmlformats.org/officeDocument/2006/relationships" rot="90" type="corner" r:blip="">
                <dgm:adjLst>
                  <dgm:adj idx="1" val="0.1612"/>
                  <dgm:adj idx="2" val="0.1611"/>
                </dgm:adjLst>
              </dgm:shape>
            </dgm:if>
            <dgm:else name="Name8">
              <dgm:shape xmlns:r="http://schemas.openxmlformats.org/officeDocument/2006/relationships" rot="180" type="corner" r:blip="">
                <dgm:adjLst>
                  <dgm:adj idx="1" val="0.1612"/>
                  <dgm:adj idx="2" val="0.1611"/>
                </dgm:adjLst>
              </dgm:shape>
            </dgm:else>
          </dgm:choose>
          <dgm:presOf/>
        </dgm:layoutNode>
        <dgm:layoutNode name="ParentText" styleLbl="revTx">
          <dgm:varLst>
            <dgm:chMax val="0"/>
            <dgm:chPref val="0"/>
            <dgm:bulletEnabled val="1"/>
          </dgm:varLst>
          <dgm:alg type="tx">
            <dgm:param type="parTxLTRAlign" val="l"/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choose name="Name9">
          <dgm:if name="Name10" axis="followSib" ptType="node" func="cnt" op="gte" val="1">
            <dgm:layoutNode name="Triangle" styleLbl="alignNode1">
              <dgm:alg type="sp"/>
              <dgm:choose name="Name11">
                <dgm:if name="Name12" func="var" arg="dir" op="equ" val="norm">
                  <dgm:shape xmlns:r="http://schemas.openxmlformats.org/officeDocument/2006/relationships" type="triangle" r:blip="">
                    <dgm:adjLst>
                      <dgm:adj idx="1" val="1"/>
                    </dgm:adjLst>
                  </dgm:shape>
                </dgm:if>
                <dgm:else name="Name13">
                  <dgm:shape xmlns:r="http://schemas.openxmlformats.org/officeDocument/2006/relationships" rot="90" type="triangle" r:blip="">
                    <dgm:adjLst>
                      <dgm:adj idx="1" val="1"/>
                    </dgm:adjLst>
                  </dgm:shape>
                </dgm:else>
              </dgm:choose>
              <dgm:presOf/>
            </dgm:layoutNode>
          </dgm:if>
          <dgm:else name="Name14"/>
        </dgm:choose>
      </dgm:layoutNode>
      <dgm:forEach name="sibTransForEach" axis="followSib" ptType="sibTrans" cnt="1">
        <dgm:layoutNode name="sibTrans">
          <dgm:alg type="composite">
            <dgm:param type="ar" val="0.861"/>
          </dgm:alg>
          <dgm:constrLst>
            <dgm:constr type="w" for="ch" forName="space" refType="w"/>
            <dgm:constr type="h" for="ch" forName="space" refType="w"/>
          </dgm:constrLst>
          <dgm:layoutNode name="space" styleLbl="alignNode1">
            <dgm:alg type="sp"/>
            <dgm:shape xmlns:r="http://schemas.openxmlformats.org/officeDocument/2006/relationships" r:blip="">
              <dgm:adjLst/>
            </dgm:shape>
            <dgm:presOf/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marts 2025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ek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RIFT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aroline Adolphsen</a:t>
            </a:r>
          </a:p>
        </p:txBody>
      </p:sp>
      <p:pic>
        <p:nvPicPr>
          <p:cNvPr id="9695564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Juridisk Institut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marts 2025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ekt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RIFT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aroline Adolphsen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84646999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marts 2025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ek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RIFT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aroline Adolphsen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8257865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827525669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RIFT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Caroline Adolph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4. marts 2025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ekto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16-03-2025</a:t>
            </a:fld>
            <a:r>
              <a:rPr lang="da-DK"/>
              <a:t>14-03-2025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hyperlink" Target="https://lex.dk/retssikkerhed#:~:text=Retssikkerhed%20er%20et%20begreb%2C%20som,eller%20til%20at%20kontrollere%20borgerne" TargetMode="External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7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noProof="1"/>
              <a:t>Retssikkerhed i børnesag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996539C-B37C-4908-B12B-A43712A9FA19}" type="datetime1">
              <a:rPr lang="da-DK" noProof="1" smtClean="0"/>
              <a:t>16-03-2025</a:t>
            </a:fld>
            <a:endParaRPr lang="da-DK" noProof="1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da-DK" b="1" i="1" u="none" strike="noStrike" noProof="1">
                <a:solidFill>
                  <a:srgbClr val="000000"/>
                </a:solidFill>
                <a:effectLst/>
                <a:latin typeface="+mj-lt"/>
              </a:rPr>
              <a:t>Retssikkerhed er et begreb, som anvendes til at karakterisere </a:t>
            </a:r>
            <a:r>
              <a:rPr lang="da-DK" b="1" i="1" u="none" strike="noStrike" noProof="1">
                <a:solidFill>
                  <a:srgbClr val="FF0000"/>
                </a:solidFill>
                <a:effectLst/>
                <a:latin typeface="+mj-lt"/>
              </a:rPr>
              <a:t>den retlige regulering, der skal sikre borgernes rettigheder</a:t>
            </a:r>
            <a:r>
              <a:rPr lang="da-DK" b="1" i="1" u="none" strike="noStrike" noProof="1">
                <a:solidFill>
                  <a:srgbClr val="000000"/>
                </a:solidFill>
                <a:effectLst/>
                <a:latin typeface="+mj-lt"/>
              </a:rPr>
              <a:t>. Retssikkerhed er især vigtig på retsområder, hvor offentlige myndigheder tillægges beføjelser til at foretage indgreb i borgernes retsforhold, anvende magt eller til at kontrollere borgerne.</a:t>
            </a:r>
          </a:p>
          <a:p>
            <a:pPr marL="0" lvl="0" indent="0">
              <a:buNone/>
            </a:pPr>
            <a:endParaRPr lang="da-DK" b="1" i="1" u="none" strike="noStrike" noProof="1">
              <a:solidFill>
                <a:srgbClr val="000000"/>
              </a:solidFill>
              <a:effectLst/>
              <a:latin typeface="+mj-lt"/>
            </a:endParaRPr>
          </a:p>
          <a:p>
            <a:pPr lvl="0"/>
            <a:r>
              <a:rPr lang="da-DK" sz="1600" noProof="1">
                <a:hlinkClick r:id="rId2"/>
              </a:rPr>
              <a:t>https://lex.dk/retssikkerhed#:~:text=Retssikkerhed%20er%20et%20begreb%2C%20som,eller%20til%20at%20kontrollere%20borgerne</a:t>
            </a:r>
            <a:r>
              <a:rPr lang="da-DK" sz="1600" noProof="1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352159815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1"/>
              <a:t>”Den retlige regulering”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Barnets lov (serviceloven, bistandslove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Forvaltningsloven og de forvaltningsretlige grundsætning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Retssikkerhedslov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Grundloven</a:t>
            </a:r>
          </a:p>
          <a:p>
            <a:pPr>
              <a:buNone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Den Europæiske Menneskerettighedskonven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Børnekonventionen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759807E-037A-3152-9210-53E0D73B88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D55C26-C380-6B4B-A195-0D7AAE1C9C96}" type="datetime1">
              <a:rPr lang="da-DK" noProof="1" smtClean="0"/>
              <a:t>16-03-2025</a:t>
            </a:fld>
            <a:r>
              <a:rPr lang="da-DK" noProof="1"/>
              <a:t>14-03-2025</a:t>
            </a:r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74B42589-4D5C-C132-411A-EA0897ED5BC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866097442"/>
              </p:ext>
            </p:extLst>
          </p:nvPr>
        </p:nvGraphicFramePr>
        <p:xfrm>
          <a:off x="2031471" y="720372"/>
          <a:ext cx="8125883" cy="541725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F6ADED17-8AEC-889D-BAC0-EE6BEBA0D254}"/>
              </a:ext>
            </a:extLst>
          </p:cNvPr>
          <p:cNvSpPr txBox="1"/>
          <p:nvPr/>
        </p:nvSpPr>
        <p:spPr>
          <a:xfrm>
            <a:off x="765820" y="720372"/>
            <a:ext cx="2808312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4000" b="1" noProof="1">
                <a:latin typeface="+mn-lt"/>
              </a:rPr>
              <a:t>Systemet </a:t>
            </a:r>
          </a:p>
        </p:txBody>
      </p:sp>
    </p:spTree>
    <p:extLst>
      <p:ext uri="{BB962C8B-B14F-4D97-AF65-F5344CB8AC3E}">
        <p14:creationId xmlns:p14="http://schemas.microsoft.com/office/powerpoint/2010/main" val="40782112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5A4439-0D10-3044-2829-AB99F62AE2E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noProof="1"/>
              <a:t>Så hvad er problemet?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ED4EACD-3181-8E04-9C5B-237D75E05A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75E429-121A-4746-9720-44EC84113854}" type="datetime1">
              <a:rPr lang="da-DK" noProof="1" smtClean="0"/>
              <a:t>16-03-2025</a:t>
            </a:fld>
            <a:r>
              <a:rPr lang="da-DK" noProof="1"/>
              <a:t>14-03-2025</a:t>
            </a:r>
          </a:p>
        </p:txBody>
      </p:sp>
    </p:spTree>
    <p:extLst>
      <p:ext uri="{BB962C8B-B14F-4D97-AF65-F5344CB8AC3E}">
        <p14:creationId xmlns:p14="http://schemas.microsoft.com/office/powerpoint/2010/main" val="373967712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40F9C2-16E3-EBE9-BEBC-576F430967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1"/>
              <a:t>Så hvad er problemet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037F07-CC9A-685A-AFE0-0120CD3FD0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En “effektiv” Ankestyrels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God business for dårlige advokater – dårlig business for gode advokat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Hvornår bliver man tildelt sin advokat, sin tolk, sin støtteperson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Kommunernes arbejde med familien under anbringels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Krav til undersøgelsern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1B52BB-2883-7A1E-2D89-F05B49D729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E0C162-4243-EC42-A59F-1952C4B50C59}" type="datetime1">
              <a:rPr lang="da-DK" noProof="1" smtClean="0"/>
              <a:t>16-03-2025</a:t>
            </a:fld>
            <a:r>
              <a:rPr lang="da-DK" noProof="1"/>
              <a:t>14-03-2025</a:t>
            </a:r>
          </a:p>
        </p:txBody>
      </p:sp>
    </p:spTree>
    <p:extLst>
      <p:ext uri="{BB962C8B-B14F-4D97-AF65-F5344CB8AC3E}">
        <p14:creationId xmlns:p14="http://schemas.microsoft.com/office/powerpoint/2010/main" val="15042681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485D0BA-287D-72A3-BABC-A2764ADF48D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39A4D5-FC1D-212A-B7D1-0B40122C8D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1"/>
              <a:t>Og hvad er løsningen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FA3B22A-3E07-074A-8D79-843FE267C37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Dårligt eksempel: Forældrekompetenceundersøgelser i sager om anbringelse af børn med grønlandsk baggrund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Godt eksempel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6307363-ED4C-DC57-9F52-F6D801F927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E0C162-4243-EC42-A59F-1952C4B50C59}" type="datetime1">
              <a:rPr lang="da-DK" noProof="1" smtClean="0"/>
              <a:t>16-03-2025</a:t>
            </a:fld>
            <a:r>
              <a:rPr lang="da-DK" noProof="1"/>
              <a:t>14-03-2025</a:t>
            </a:r>
          </a:p>
        </p:txBody>
      </p:sp>
    </p:spTree>
    <p:extLst>
      <p:ext uri="{BB962C8B-B14F-4D97-AF65-F5344CB8AC3E}">
        <p14:creationId xmlns:p14="http://schemas.microsoft.com/office/powerpoint/2010/main" val="1258748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CFBCE6A-6A45-B0EB-5673-6B1AF2FD456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6AFEB6-79AE-28D7-F5BD-41E090F5BF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1"/>
              <a:t>Kvalitet I lovgivningen og sagsbehandlinge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B6E730-8296-1963-6D19-D94EA1CCCFC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God lovgivningskvalitet forudsætter tid og ekspertis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God sagsbehandling forudsætter kompetent personal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BABA3C-99E1-B5DE-E086-21DF6A99A4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E0C162-4243-EC42-A59F-1952C4B50C59}" type="datetime1">
              <a:rPr lang="da-DK" noProof="1" smtClean="0"/>
              <a:t>16-03-2025</a:t>
            </a:fld>
            <a:r>
              <a:rPr lang="da-DK" noProof="1"/>
              <a:t>14-03-2025</a:t>
            </a:r>
          </a:p>
        </p:txBody>
      </p:sp>
    </p:spTree>
    <p:extLst>
      <p:ext uri="{BB962C8B-B14F-4D97-AF65-F5344CB8AC3E}">
        <p14:creationId xmlns:p14="http://schemas.microsoft.com/office/powerpoint/2010/main" val="38659392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6FEC2B1-6D06-C7BE-1879-DFFCA1D1A10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C0CC97-2832-BFFD-EEB2-5F646A6AD7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1"/>
              <a:t>Hvad kan vi gøre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9552FC2-A17D-AFC2-7937-04C70EE0659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Insistere på ordentlighed – også fra os selv (selvom det er svært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Ikke love mere, end vi kan holde (ikke alle børn skal bo hos deres forældre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Have styr på vores egen butik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b="1" noProof="1"/>
              <a:t>Råbe højt, når der er god grund til d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1" noProof="1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6E53E-6ED7-4D5F-67E6-A71B6EE254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E0C162-4243-EC42-A59F-1952C4B50C59}" type="datetime1">
              <a:rPr lang="da-DK" noProof="1" smtClean="0"/>
              <a:t>16-03-2025</a:t>
            </a:fld>
            <a:r>
              <a:rPr lang="da-DK" noProof="1"/>
              <a:t>14-03-2025</a:t>
            </a:r>
          </a:p>
        </p:txBody>
      </p:sp>
    </p:spTree>
    <p:extLst>
      <p:ext uri="{BB962C8B-B14F-4D97-AF65-F5344CB8AC3E}">
        <p14:creationId xmlns:p14="http://schemas.microsoft.com/office/powerpoint/2010/main" val="19285600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9</Words>
  <Application>Microsoft Office PowerPoint</Application>
  <PresentationFormat>Brugerdefineret</PresentationFormat>
  <Paragraphs>66</Paragraphs>
  <Slides>10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6" baseType="lpstr">
      <vt:lpstr>Calibri</vt:lpstr>
      <vt:lpstr>Georgia</vt:lpstr>
      <vt:lpstr>AU Passata Light</vt:lpstr>
      <vt:lpstr>AU Passata</vt:lpstr>
      <vt:lpstr>Arial</vt:lpstr>
      <vt:lpstr>BSS 16:9</vt:lpstr>
      <vt:lpstr>Retssikkerhed i børnesager</vt:lpstr>
      <vt:lpstr>PowerPoint-præsentation</vt:lpstr>
      <vt:lpstr>”Den retlige regulering”</vt:lpstr>
      <vt:lpstr>PowerPoint-præsentation</vt:lpstr>
      <vt:lpstr>Så hvad er problemet?</vt:lpstr>
      <vt:lpstr>Så hvad er problemet?</vt:lpstr>
      <vt:lpstr>Og hvad er løsningen?</vt:lpstr>
      <vt:lpstr>Kvalitet I lovgivningen og sagsbehandlingen</vt:lpstr>
      <vt:lpstr>Hvad kan vi gøre?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3-16T10:17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317611106152914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3200</vt:lpwstr>
  </property>
  <property fmtid="{D5CDD505-2E9C-101B-9397-08002B2CF9AE}" pid="62" name="colorthemechange">
    <vt:lpwstr>True</vt:lpwstr>
  </property>
</Properties>
</file>